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jpg" ContentType="image/jpeg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Layouts/slideLayout6.xml" ContentType="application/vnd.openxmlformats-officedocument.presentationml.slideLayout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webextensions/webextension1.xml" ContentType="application/vnd.ms-office.webextension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1.xml" ContentType="application/vnd.openxmlformats-officedocument.theme+xml"/>
  <Override PartName="/ppt/webextensions/taskpanes.xml" ContentType="application/vnd.ms-office.webextensiontaskpanes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2.xml" ContentType="application/vnd.openxmlformats-officedocument.them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docProps/core.xml" ContentType="application/vnd.openxmlformats-package.core-properties+xml"/>
  <Override PartName="/ppt/tags/tag12.xml" ContentType="application/vnd.openxmlformats-officedocument.presentationml.tags+xml"/>
  <Override PartName="/ppt/tags/tag9.xml" ContentType="application/vnd.openxmlformats-officedocument.presentationml.tag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tags/tag16.xml" ContentType="application/vnd.openxmlformats-officedocument.presentationml.tags+xml"/>
  <Override PartName="/ppt/tags/tag10.xml" ContentType="application/vnd.openxmlformats-officedocument.presentationml.tags+xml"/>
  <Override PartName="/ppt/tags/tag17.xml" ContentType="application/vnd.openxmlformats-officedocument.presentationml.tags+xml"/>
  <Override PartName="/ppt/tags/tag8.xml" ContentType="application/vnd.openxmlformats-officedocument.presentationml.tags+xml"/>
  <Override PartName="/ppt/tags/tag11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customXml/itemProps3.xml" ContentType="application/vnd.openxmlformats-officedocument.customXmlPropertie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4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  <p:sldMasterId id="2147483799" r:id="rId2"/>
  </p:sldMasterIdLst>
  <p:notesMasterIdLst>
    <p:notesMasterId r:id="rId9"/>
  </p:notesMasterIdLst>
  <p:handoutMasterIdLst>
    <p:handoutMasterId r:id="rId10"/>
  </p:handoutMasterIdLst>
  <p:sldIdLst>
    <p:sldId id="257" r:id="rId3"/>
    <p:sldId id="256" r:id="rId4"/>
    <p:sldId id="267" r:id="rId5"/>
    <p:sldId id="266" r:id="rId6"/>
    <p:sldId id="269" r:id="rId7"/>
    <p:sldId id="268" r:id="rId8"/>
  </p:sldIdLst>
  <p:sldSz cx="12190413" cy="6859588"/>
  <p:notesSz cx="6858000" cy="9144000"/>
  <p:custDataLst>
    <p:tags r:id="rId11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4" autoAdjust="0"/>
    <p:restoredTop sz="90074" autoAdjust="0"/>
  </p:normalViewPr>
  <p:slideViewPr>
    <p:cSldViewPr snapToGrid="0">
      <p:cViewPr varScale="1">
        <p:scale>
          <a:sx n="103" d="100"/>
          <a:sy n="103" d="100"/>
        </p:scale>
        <p:origin x="1344" y="96"/>
      </p:cViewPr>
      <p:guideLst/>
    </p:cSldViewPr>
  </p:slideViewPr>
  <p:outlineViewPr>
    <p:cViewPr>
      <p:scale>
        <a:sx n="33" d="100"/>
        <a:sy n="33" d="100"/>
      </p:scale>
      <p:origin x="0" y="-2022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9" d="100"/>
          <a:sy n="69" d="100"/>
        </p:scale>
        <p:origin x="3264" y="6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viewProps" Target="viewProps.xml"/><Relationship Id="rId18" Type="http://schemas.openxmlformats.org/officeDocument/2006/relationships/customXml" Target="../customXml/item3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presProps" Target="presProps.xml"/><Relationship Id="rId17" Type="http://schemas.openxmlformats.org/officeDocument/2006/relationships/customXml" Target="../customXml/item2.xml"/><Relationship Id="rId2" Type="http://schemas.openxmlformats.org/officeDocument/2006/relationships/slideMaster" Target="slideMasters/slideMaster2.xml"/><Relationship Id="rId16" Type="http://schemas.openxmlformats.org/officeDocument/2006/relationships/customXml" Target="../customXml/item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gs" Target="tags/tag1.xml"/><Relationship Id="rId5" Type="http://schemas.openxmlformats.org/officeDocument/2006/relationships/slide" Target="slides/slide3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19" Type="http://schemas.openxmlformats.org/officeDocument/2006/relationships/customXml" Target="../customXml/item4.xml"/><Relationship Id="rId4" Type="http://schemas.openxmlformats.org/officeDocument/2006/relationships/slide" Target="slides/slide2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30-08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30/08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2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4455742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3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70863007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4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67466808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4120310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6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543954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5D4693A-15A6-4237-B6FF-74C1968391EE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E45AC82-92FF-46F5-92C3-217D13BE4699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E30149F-83BF-4B28-B703-FAC9D8F78FF5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53BCEAF-6782-4F4C-AFA1-88A110352A8D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5718A16-7468-49C4-AF13-EF5D95D2742B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2CA054C-ECEE-4B35-8E92-01C7B8A82C36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331E137-C797-4ADD-8CB0-22F4BB77DA2E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18BBEC8-FBB3-446D-8484-37CB82F50241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6BD44EA-438A-4D98-8E96-EF5167CCA4FD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BDE0661-2604-484E-BC45-0434DFEDB972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9AD5CA2-AE8E-4046-A05D-FD154D952AF2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nb-NO"/>
              <a:t>KS FoU-prosjekt 184002</a:t>
            </a:r>
            <a:endParaRPr lang="en-DK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B13EBEEC-4978-4EE5-B432-E2422A5E35A9}" type="datetime1">
              <a:rPr lang="en-GB" smtClean="0"/>
              <a:t>30/08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E816789-DADE-4022-8688-4417D1FA2642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43A2E35-45EA-4171-9D75-7966DE677E06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25B9F40-F3AB-43C9-82AC-3D284FA50D7E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B0EC15E-B41A-4A46-9131-549E3C21DC5F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DB56DE9-B922-4C28-BCF0-5E80E1C9B483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BB22173-D7AA-47F0-8668-C70C3413F5BF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76187F6-6A86-474F-8783-BE4A9805E359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3565820-C976-4A6C-A202-AF49C56D59E1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731C4CA-FF60-4A4E-AF31-FBC4474C5A7C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BAE3317-AD77-41CA-9F36-ECD95C276155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nb-NO"/>
              <a:t>KS FoU-prosjekt 184002</a:t>
            </a:r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76F10862-6500-40EA-A843-72061585137A}" type="datetime1">
              <a:rPr lang="en-GB" smtClean="0"/>
              <a:t>30/08/2019</a:t>
            </a:fld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31B7C59-331F-49DE-A4E9-C4C4D195C4C7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AF798DB-5376-4BF7-A6E6-A36F00231942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nb-NO"/>
              <a:t>KS FoU-prosjekt 184002</a:t>
            </a:r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81C2A406-B092-45C4-B522-9338A80CED98}" type="datetime1">
              <a:rPr lang="en-GB" smtClean="0"/>
              <a:t>30/08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nb-NO"/>
              <a:t>KS FoU-prosjekt 184002</a:t>
            </a:r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2BA721F7-925F-446C-815E-CF469109BCD5}" type="datetime1">
              <a:rPr lang="en-GB" smtClean="0"/>
              <a:t>30/08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65EEED2-3700-4F3D-B233-A0B0EFD459D3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19502C4-DF51-465A-8E8A-8B414A6EB1B6}" type="datetime1">
              <a:rPr lang="en-GB" smtClean="0"/>
              <a:t>30/08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70B3A88-635A-4DAB-8787-695DD57582CC}" type="datetime1">
              <a:rPr lang="en-GB" smtClean="0"/>
              <a:t>30/08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FECBF645-71B1-4D40-9CB5-FA22E4D7919D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997EFE0-96C9-425D-82E1-18BF9997B077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5E7EDE-B35A-419A-9736-2631EB88B41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2413" cy="2389187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922D351-4BA5-43E7-8A97-D3D5BC4E955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3625"/>
            <a:ext cx="9142413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2F8ECBB-2F96-441D-9132-BA9E0337BF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1632D03-C1B4-448C-9B14-63DC9CA0FC61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1753DD-0DEC-4E16-BE31-26208EE2DF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F10FA19-2886-4538-82AF-0531AEB31A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2370364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36045B27-E93B-477E-BA22-7751E06D0149}" type="datetime1">
              <a:rPr lang="en-GB" smtClean="0"/>
              <a:t>30/08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13279B-2256-4322-823C-A29389868C8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BDF4939-358E-4353-8B8A-CC4BFC3A7B2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0572F65-7236-42BB-A96F-4EA8311A1E0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47C33D5-2CCF-4641-93D4-55527E1D03A5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B41AEA-2249-4BD0-86A7-9754F78AF1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63A0D69-F5D9-4856-8442-8EC879E72D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61500605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DD4746-796B-40B8-9BBB-A455A8113F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4013" cy="2854325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806F5FF-27FB-4B1C-A110-4904222741E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91050"/>
            <a:ext cx="10514013" cy="1500188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304778-13F3-4482-8334-12C6EB091DF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D6A595-0A0A-4C6A-9ADE-73DCA47A2373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4AFACF-846E-468C-AA00-5903774892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0E0F0C-0AFF-4455-A0B6-9EB1F20A2E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4606660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D05E901-6A05-47E8-9239-C8F9E4D1AB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AC11A5D-EAA1-4A6C-AA95-30C140984B3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0013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6B22AFE-7723-48A3-B7EF-082080042A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613" y="1825625"/>
            <a:ext cx="5181600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CE279B1-45AB-42ED-A9C9-897C28E7EF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A2B7AD0-FFC0-452A-85E5-B346052D4750}" type="datetime1">
              <a:rPr lang="en-GB" smtClean="0"/>
              <a:t>30/08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22A1CF0-AC4D-40D8-8AB4-6761B41E8C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71B585-7AB7-4ABB-A2A8-75301A764B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0638098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923B0A6-77D7-4198-8BED-0FE0DFC77C1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4012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BC0949B-4DBE-4114-BF1F-D428F506BE9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5272C16-25E8-43B9-B5E4-6DBBF0C1723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0284938-9984-4834-87A6-3C15202B64A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613" y="1681163"/>
            <a:ext cx="51831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D86B386-E6B3-4092-97DB-62380B06199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613" y="2505075"/>
            <a:ext cx="51831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090F4E6-87BB-4BFA-8DA7-48E173E886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4950E3B-6052-4235-8B34-C0EE17FDF8DF}" type="datetime1">
              <a:rPr lang="en-GB" smtClean="0"/>
              <a:t>30/08/2019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72CA3A1-9968-47A2-8635-CBABD1D526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7CC895C-0442-4DC3-B812-907B62438C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6662872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794890-C128-459A-A788-1C80B868BA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FD971DE-FD9E-49D2-A4BB-11FFE5FE0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605A51-3623-4778-8217-3AA9FC7FF3F4}" type="datetime1">
              <a:rPr lang="en-GB" smtClean="0"/>
              <a:t>30/08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05C3DC4-0CA5-4827-A485-433A0E6E288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C30FB1B-7471-4DF9-AFAE-60DED3E2A3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48026461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48404FF4-4DEF-4273-A48D-827335687C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288E23-ABC5-4C31-ACA7-7C19ECEDCA28}" type="datetime1">
              <a:rPr lang="en-GB" smtClean="0"/>
              <a:t>30/08/2019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300D063-EF5A-4D66-85AE-B57E366B20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B04B7C2-0925-4594-855D-8D14DD3AA5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5398505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D90826-636E-45B4-A7B0-F95B03FF9B5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4014F4C-BCAE-4E33-8489-104523C1757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0C8CBB2-DFB8-4066-88C9-95748D38FB5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335BB65-8F5A-46DC-89FB-BF1271D1DF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6E95386-5B0B-425C-A3BA-B77B2D54E02F}" type="datetime1">
              <a:rPr lang="en-GB" smtClean="0"/>
              <a:t>30/08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E456086-9899-4DEA-B4BA-8E816713A3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6DB6A6-1869-4C4B-B721-0C54777DC4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61216195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000225E-FA78-4E46-9AC9-6FC41A5873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B63C28D-8C32-40DB-94FF-122BC6286FF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2847437-6BEA-4496-9CB9-14C05AF9F6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8A5A37D-A7EC-4640-98AB-A9F17D3004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D6C556-324B-4770-807E-CAA5E7955F2C}" type="datetime1">
              <a:rPr lang="en-GB" smtClean="0"/>
              <a:t>30/08/2019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F278081D-7FA0-411A-B392-542DC5E6AD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347872E-58EE-4E7C-8DAD-A6AD85C4FF7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2125392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F93C40-3531-41DE-BB34-2CBD7E88A7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66F6F2A-1AAF-4A6A-A24B-72ABBA5FD9A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9EA4F8A-EBE0-4015-B7EC-D61400109A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1EA230-319C-4F66-B443-02A2A506FBC1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3BF0B80-6601-4D04-99F6-CAAC3D9AD8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FBF5ED0-C503-4E22-8664-4E22CC0666A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62833431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1EB5405-ED2D-4DE8-A853-5606993C358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7313" cy="58134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8E689D8-791C-44B6-9475-266F1E4A6B0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34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EC02790-F552-408E-9BFC-2E53CBBD13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6B90D0-5456-416E-AE3D-58330DB81214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E466E63-646F-4845-9104-1877FFC0B4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9DFEF86-F296-40D8-8AC1-78E04363D0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113594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1CF0B5E-EBE0-4C29-9382-71E1EADDB647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469B42-7141-4187-8922-BFA0DC5F7C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491168F-E485-4EBE-BB17-1CB8F5ECDB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56F0A9-5987-4048-8DE4-F4630029C5EF}" type="datetime1">
              <a:rPr lang="en-GB" smtClean="0"/>
              <a:t>30/08/2019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A2F35BF-3F9E-49C4-91B3-BAB888EDEA8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KS FoU-prosjekt 184002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C29AA11-E1C1-4752-88DE-3603C66A23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90216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5CA67031-41AD-4E95-A674-12A840EBF621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7B5D971-D1E9-46B9-846C-812F0282B7DF}" type="datetime1">
              <a:rPr lang="en-GB" smtClean="0"/>
              <a:t>30/08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E45417D-71F0-4108-B32B-CF13667E23CC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83B93F7-FC3B-459B-A067-B7644B0D963A}" type="datetime1">
              <a:rPr lang="en-GB" smtClean="0"/>
              <a:t>30/08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slideLayout" Target="../slideLayouts/slideLayout50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slideLayout" Target="../slideLayouts/slideLayout49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KS FoU-prosjekt 184002</a:t>
            </a:r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C356F08-8D32-4E40-8863-FB15FECD94A9}" type="datetime1">
              <a:rPr lang="en-GB" smtClean="0"/>
              <a:t>30/08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sldNum="0" hd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FB28173D-CC25-4591-A321-E535266322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4013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C5AF00E-CCDB-41F4-BFB3-8122257C23D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4013" cy="4352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A7C011A-FA58-4160-9878-E89B8D0C3B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E5849D6-DB8F-4AA9-8012-91B19C0F9092}" type="datetime1">
              <a:rPr lang="en-GB" smtClean="0"/>
              <a:t>30/08/2019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AA747BB-BCCC-460A-B987-1D62F5AE380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7938"/>
            <a:ext cx="411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/>
              <a:t>KS FoU-prosjekt 184002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6C92CB-ECA7-4303-9AB8-593E447AD9E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9013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0ED8CDE-F345-4822-8591-4C245B785D9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02168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  <p:sldLayoutId id="2147483811" r:id="rId12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3.xml"/><Relationship Id="rId7" Type="http://schemas.openxmlformats.org/officeDocument/2006/relationships/oleObject" Target="../embeddings/oleObject1.bin"/><Relationship Id="rId2" Type="http://schemas.openxmlformats.org/officeDocument/2006/relationships/tags" Target="../tags/tag2.xml"/><Relationship Id="rId1" Type="http://schemas.openxmlformats.org/officeDocument/2006/relationships/vmlDrawing" Target="../drawings/vmlDrawing1.v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1.xml"/><Relationship Id="rId10" Type="http://schemas.openxmlformats.org/officeDocument/2006/relationships/image" Target="../media/image6.jpeg"/><Relationship Id="rId4" Type="http://schemas.openxmlformats.org/officeDocument/2006/relationships/tags" Target="../tags/tag4.xml"/><Relationship Id="rId9" Type="http://schemas.openxmlformats.org/officeDocument/2006/relationships/image" Target="../media/image5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Relationship Id="rId4" Type="http://schemas.openxmlformats.org/officeDocument/2006/relationships/image" Target="../media/image5.jpe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7.xml"/><Relationship Id="rId7" Type="http://schemas.openxmlformats.org/officeDocument/2006/relationships/oleObject" Target="../embeddings/oleObject2.bin"/><Relationship Id="rId2" Type="http://schemas.openxmlformats.org/officeDocument/2006/relationships/tags" Target="../tags/tag6.xml"/><Relationship Id="rId1" Type="http://schemas.openxmlformats.org/officeDocument/2006/relationships/vmlDrawing" Target="../drawings/vmlDrawing2.vml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8.xml"/><Relationship Id="rId9" Type="http://schemas.openxmlformats.org/officeDocument/2006/relationships/image" Target="../media/image5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10.xml"/><Relationship Id="rId7" Type="http://schemas.openxmlformats.org/officeDocument/2006/relationships/oleObject" Target="../embeddings/oleObject3.bin"/><Relationship Id="rId2" Type="http://schemas.openxmlformats.org/officeDocument/2006/relationships/tags" Target="../tags/tag9.xml"/><Relationship Id="rId1" Type="http://schemas.openxmlformats.org/officeDocument/2006/relationships/vmlDrawing" Target="../drawings/vmlDrawing3.vml"/><Relationship Id="rId6" Type="http://schemas.openxmlformats.org/officeDocument/2006/relationships/notesSlide" Target="../notesSlides/notesSlide4.xml"/><Relationship Id="rId5" Type="http://schemas.openxmlformats.org/officeDocument/2006/relationships/slideLayout" Target="../slideLayouts/slideLayout7.xml"/><Relationship Id="rId10" Type="http://schemas.openxmlformats.org/officeDocument/2006/relationships/image" Target="../media/image7.jpg"/><Relationship Id="rId4" Type="http://schemas.openxmlformats.org/officeDocument/2006/relationships/tags" Target="../tags/tag11.xml"/><Relationship Id="rId9" Type="http://schemas.openxmlformats.org/officeDocument/2006/relationships/image" Target="../media/image5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13.xml"/><Relationship Id="rId7" Type="http://schemas.openxmlformats.org/officeDocument/2006/relationships/oleObject" Target="../embeddings/oleObject4.bin"/><Relationship Id="rId2" Type="http://schemas.openxmlformats.org/officeDocument/2006/relationships/tags" Target="../tags/tag12.xml"/><Relationship Id="rId1" Type="http://schemas.openxmlformats.org/officeDocument/2006/relationships/vmlDrawing" Target="../drawings/vmlDrawing4.vml"/><Relationship Id="rId6" Type="http://schemas.openxmlformats.org/officeDocument/2006/relationships/notesSlide" Target="../notesSlides/notesSlide5.xml"/><Relationship Id="rId5" Type="http://schemas.openxmlformats.org/officeDocument/2006/relationships/slideLayout" Target="../slideLayouts/slideLayout7.xml"/><Relationship Id="rId10" Type="http://schemas.openxmlformats.org/officeDocument/2006/relationships/image" Target="../media/image8.jpg"/><Relationship Id="rId4" Type="http://schemas.openxmlformats.org/officeDocument/2006/relationships/tags" Target="../tags/tag14.xml"/><Relationship Id="rId9" Type="http://schemas.openxmlformats.org/officeDocument/2006/relationships/image" Target="../media/image5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emf"/><Relationship Id="rId3" Type="http://schemas.openxmlformats.org/officeDocument/2006/relationships/tags" Target="../tags/tag16.xml"/><Relationship Id="rId7" Type="http://schemas.openxmlformats.org/officeDocument/2006/relationships/oleObject" Target="../embeddings/oleObject5.bin"/><Relationship Id="rId2" Type="http://schemas.openxmlformats.org/officeDocument/2006/relationships/tags" Target="../tags/tag15.xml"/><Relationship Id="rId1" Type="http://schemas.openxmlformats.org/officeDocument/2006/relationships/vmlDrawing" Target="../drawings/vmlDrawing5.vml"/><Relationship Id="rId6" Type="http://schemas.openxmlformats.org/officeDocument/2006/relationships/notesSlide" Target="../notesSlides/notesSlide6.xml"/><Relationship Id="rId5" Type="http://schemas.openxmlformats.org/officeDocument/2006/relationships/slideLayout" Target="../slideLayouts/slideLayout7.xml"/><Relationship Id="rId4" Type="http://schemas.openxmlformats.org/officeDocument/2006/relationships/tags" Target="../tags/tag17.xml"/><Relationship Id="rId9" Type="http://schemas.openxmlformats.org/officeDocument/2006/relationships/image" Target="../media/image5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457BD94E-BFFD-4681-814D-DAF47C98D044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114680863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36" name="think-cell Slide" r:id="rId7" imgW="360" imgH="360" progId="TCLayout.ActiveDocument.1">
                  <p:embed/>
                </p:oleObj>
              </mc:Choice>
              <mc:Fallback>
                <p:oleObj name="think-cell Slide" r:id="rId7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DEFFC1FD-DC3C-4285-86F4-C06C3E8F345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Aft>
                <a:spcPct val="0"/>
              </a:spcAft>
            </a:pPr>
            <a:endParaRPr lang="en-GB" sz="3200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874564" y="452592"/>
            <a:ext cx="5754836" cy="681548"/>
          </a:xfrm>
        </p:spPr>
        <p:txBody>
          <a:bodyPr/>
          <a:lstStyle/>
          <a:p>
            <a:r>
              <a:rPr lang="en-GB" sz="3200" cap="none" dirty="0">
                <a:solidFill>
                  <a:schemeClr val="bg2"/>
                </a:solidFill>
              </a:rPr>
              <a:t>KS FOU-PROSJEKT 184005 </a:t>
            </a:r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874564" y="1564288"/>
            <a:ext cx="5126230" cy="1254562"/>
          </a:xfrm>
        </p:spPr>
        <p:txBody>
          <a:bodyPr/>
          <a:lstStyle/>
          <a:p>
            <a:r>
              <a:rPr lang="en-GB" sz="2800" cap="none" dirty="0"/>
              <a:t>PRAKTISERING AV BARNEHAGEAVTALEN </a:t>
            </a:r>
          </a:p>
          <a:p>
            <a:r>
              <a:rPr lang="en-GB" sz="2800" cap="none" dirty="0"/>
              <a:t>SFS 2201</a:t>
            </a:r>
          </a:p>
          <a:p>
            <a:endParaRPr lang="en-GB" sz="3600" cap="none" dirty="0"/>
          </a:p>
          <a:p>
            <a:endParaRPr lang="en-GB" sz="3600" cap="none" dirty="0"/>
          </a:p>
          <a:p>
            <a:endParaRPr lang="en-GB" sz="3600" cap="none" dirty="0"/>
          </a:p>
          <a:p>
            <a:endParaRPr lang="en-GB" sz="3600" cap="none" dirty="0"/>
          </a:p>
          <a:p>
            <a:r>
              <a:rPr lang="en-GB" sz="2400" cap="none" dirty="0">
                <a:solidFill>
                  <a:schemeClr val="bg2"/>
                </a:solidFill>
              </a:rPr>
              <a:t>HOVEDFUNN</a:t>
            </a:r>
          </a:p>
        </p:txBody>
      </p:sp>
      <p:pic>
        <p:nvPicPr>
          <p:cNvPr id="5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7607A06-BB70-4DA1-A5E3-7D0A0662196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24BCBB6A-6D0B-4AAB-91B8-4C34540803A2}"/>
              </a:ext>
            </a:extLst>
          </p:cNvPr>
          <p:cNvPicPr/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89620" y="1564288"/>
            <a:ext cx="5601019" cy="3745649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1C63AA3-5A40-4BB0-8B2E-5BD2BEE7A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59023"/>
            <a:ext cx="10588625" cy="4497140"/>
          </a:xfrm>
        </p:spPr>
        <p:txBody>
          <a:bodyPr/>
          <a:lstStyle/>
          <a:p>
            <a:r>
              <a:rPr lang="nb-NO" sz="1400" dirty="0"/>
              <a:t>Begrepet </a:t>
            </a:r>
            <a:r>
              <a:rPr lang="nb-NO" sz="1400" i="1" dirty="0"/>
              <a:t>plantid </a:t>
            </a:r>
            <a:r>
              <a:rPr lang="nb-NO" sz="1400" dirty="0"/>
              <a:t>omfatter tiden de pedagogisk ansatte i barnehagen har til rådighet for utviklingsarbeid, planlegging av pedagogisk aktivitet, samt for- og etterarbeid tilknyttet dette. </a:t>
            </a:r>
          </a:p>
          <a:p>
            <a:pPr marL="0" indent="0">
              <a:buNone/>
            </a:pPr>
            <a:endParaRPr lang="nb-NO" sz="1400" dirty="0"/>
          </a:p>
          <a:p>
            <a:r>
              <a:rPr lang="nb-NO" sz="1400" dirty="0"/>
              <a:t>Bestemmelsen om plantid for pedagogene i barnehagen er nedfelt i punkt 3.2 i SFS 2201. Dette punktet har vært tema i siste forhandlinger. Per i dag (første halvår 2019), lyder bestemmelsen om plantid som følger:</a:t>
            </a:r>
          </a:p>
          <a:p>
            <a:pPr marL="396000" lvl="1" indent="0">
              <a:buNone/>
            </a:pPr>
            <a:endParaRPr lang="nb-NO" sz="1400" i="1" dirty="0"/>
          </a:p>
          <a:p>
            <a:pPr marL="396000" lvl="1" indent="0">
              <a:buNone/>
            </a:pPr>
            <a:r>
              <a:rPr lang="nb-NO" sz="1400" i="1" dirty="0"/>
              <a:t>Den ordinære arbeidstiden er 37,5 timer pr. uke. Minst 4 timer i gjennomsnitt pr. uke av den ordinære arbeidstiden skal anvendes til planlegging, for- og etterarbeid for pedagogiske ledere/barnehagelærere. Organiseringen av denne tiden fastsettes i samråd med det pedagogiske personalet.  Det er leders ansvar å sikre at dette arbeidet kan utføres som forutsatt, både individuelt og sammen med andre, og at de fysiske arbeidsforholdene er tilfredsstillende.</a:t>
            </a:r>
            <a:endParaRPr lang="nb-NO" sz="1400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749C91E-6BAC-4D66-BA74-046603C544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281256"/>
            <a:ext cx="10588624" cy="415430"/>
          </a:xfrm>
        </p:spPr>
        <p:txBody>
          <a:bodyPr/>
          <a:lstStyle/>
          <a:p>
            <a:r>
              <a:rPr lang="en-GB" dirty="0" err="1"/>
              <a:t>Bakgrunn</a:t>
            </a:r>
            <a:r>
              <a:rPr lang="en-GB" dirty="0"/>
              <a:t> for </a:t>
            </a:r>
            <a:r>
              <a:rPr lang="en-GB" dirty="0" err="1"/>
              <a:t>Fou-prosjektet</a:t>
            </a:r>
            <a:endParaRPr lang="en-GB" dirty="0"/>
          </a:p>
        </p:txBody>
      </p:sp>
      <p:pic>
        <p:nvPicPr>
          <p:cNvPr id="7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C38FFCA-3386-422A-9C15-6CFE47CAFC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015FE6-6208-4AD4-A291-D8013025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18544" y="6578332"/>
            <a:ext cx="8143876" cy="155656"/>
          </a:xfrm>
        </p:spPr>
        <p:txBody>
          <a:bodyPr/>
          <a:lstStyle/>
          <a:p>
            <a:pPr algn="r"/>
            <a:r>
              <a:rPr lang="en-GB" dirty="0"/>
              <a:t>KS </a:t>
            </a:r>
            <a:r>
              <a:rPr lang="en-GB" dirty="0" err="1"/>
              <a:t>FoU-prosjekt</a:t>
            </a:r>
            <a:r>
              <a:rPr lang="en-GB" dirty="0"/>
              <a:t> 184005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51167756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 xmlns:a16="http://schemas.microsoft.com/office/drawing/2014/main" xmlns:p14="http://schemas.microsoft.com/office/powerpoint/2010/main">
      <p:transition spd="slow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3329971-B4B3-4A32-8EC4-2AF7AFE71AA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21554262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6" name="think-cell Slide" r:id="rId7" imgW="360" imgH="360" progId="TCLayout.ActiveDocument.1">
                  <p:embed/>
                </p:oleObj>
              </mc:Choice>
              <mc:Fallback>
                <p:oleObj name="think-cell Slide" r:id="rId7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3329971-B4B3-4A32-8EC4-2AF7AFE71AA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8F79ABC-A453-4586-B9DE-322902C956B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Aft>
                <a:spcPct val="0"/>
              </a:spcAft>
            </a:pPr>
            <a:endParaRPr lang="en-GB" sz="2400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1C63AA3-5A40-4BB0-8B2E-5BD2BEE7A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180315"/>
            <a:ext cx="10588625" cy="4497140"/>
          </a:xfrm>
        </p:spPr>
        <p:txBody>
          <a:bodyPr/>
          <a:lstStyle/>
          <a:p>
            <a:r>
              <a:rPr lang="nb-NO" sz="1400" dirty="0"/>
              <a:t>Etablere et oppdatert og grundig kunnskapsgrunnlag om praktisering av plantid i kommunale barnehager, herunder</a:t>
            </a:r>
          </a:p>
          <a:p>
            <a:pPr lvl="1"/>
            <a:r>
              <a:rPr lang="nb-NO" sz="1400" dirty="0">
                <a:cs typeface="Verdana" pitchFamily="34" charset="0"/>
              </a:rPr>
              <a:t>hvordan barnehagene organiserer plantiden</a:t>
            </a:r>
          </a:p>
          <a:p>
            <a:pPr lvl="1"/>
            <a:r>
              <a:rPr lang="nb-NO" sz="1400" dirty="0">
                <a:cs typeface="Verdana" pitchFamily="34" charset="0"/>
              </a:rPr>
              <a:t>hvordan plantiden tas ut og hva den brukes til</a:t>
            </a:r>
          </a:p>
          <a:p>
            <a:pPr lvl="1"/>
            <a:r>
              <a:rPr lang="nb-NO" sz="1400" dirty="0">
                <a:cs typeface="Verdana" pitchFamily="34" charset="0"/>
              </a:rPr>
              <a:t>og hvilke resultater og konsekvenser praktiseringen har for barnehagenes barn og ansatte, samt det pedagogiske tilbudet som gis i barnehagene</a:t>
            </a:r>
          </a:p>
          <a:p>
            <a:endParaRPr lang="nb-NO" sz="1400" dirty="0"/>
          </a:p>
          <a:p>
            <a:r>
              <a:rPr lang="nb-NO" sz="1400" dirty="0"/>
              <a:t>Kartleggingen er gjennomført ved </a:t>
            </a:r>
          </a:p>
          <a:p>
            <a:pPr lvl="1"/>
            <a:r>
              <a:rPr lang="nb-NO" sz="1400" dirty="0"/>
              <a:t>Innledende intervjuer med pedagogisk personale og dokumentgjennomgang</a:t>
            </a:r>
          </a:p>
          <a:p>
            <a:pPr lvl="1"/>
            <a:r>
              <a:rPr lang="nb-NO" sz="1400" dirty="0"/>
              <a:t>Breddeundersøkelse blant barnehagestyrere og -eiere</a:t>
            </a:r>
          </a:p>
          <a:p>
            <a:pPr lvl="1"/>
            <a:r>
              <a:rPr lang="nb-NO" sz="1400" dirty="0"/>
              <a:t>Dybdeundersøkelse i form av case med intervjuer av eiere, styrere og pedagogiske ledere/barnehagelærere</a:t>
            </a:r>
          </a:p>
          <a:p>
            <a:pPr marL="0" indent="0">
              <a:buNone/>
            </a:pPr>
            <a:r>
              <a:rPr lang="nb-NO" sz="1600" dirty="0">
                <a:solidFill>
                  <a:schemeClr val="tx2"/>
                </a:solidFill>
              </a:rPr>
              <a:t>	</a:t>
            </a:r>
            <a:endParaRPr lang="nb-NO" dirty="0"/>
          </a:p>
          <a:p>
            <a:pPr marL="0" indent="0">
              <a:buNone/>
            </a:pPr>
            <a:endParaRPr lang="nb-NO" b="1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749C91E-6BAC-4D66-BA74-046603C544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281256"/>
            <a:ext cx="10588624" cy="415430"/>
          </a:xfrm>
        </p:spPr>
        <p:txBody>
          <a:bodyPr/>
          <a:lstStyle/>
          <a:p>
            <a:r>
              <a:rPr lang="en-GB" dirty="0" err="1"/>
              <a:t>Formål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metodisk</a:t>
            </a:r>
            <a:r>
              <a:rPr lang="en-GB" dirty="0"/>
              <a:t> </a:t>
            </a:r>
            <a:r>
              <a:rPr lang="en-GB" dirty="0" err="1"/>
              <a:t>tilnærming</a:t>
            </a:r>
            <a:endParaRPr lang="en-GB" dirty="0"/>
          </a:p>
        </p:txBody>
      </p:sp>
      <p:pic>
        <p:nvPicPr>
          <p:cNvPr id="7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C38FFCA-3386-422A-9C15-6CFE47CAFC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015FE6-6208-4AD4-A291-D8013025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18544" y="6578332"/>
            <a:ext cx="8143876" cy="155656"/>
          </a:xfrm>
        </p:spPr>
        <p:txBody>
          <a:bodyPr/>
          <a:lstStyle/>
          <a:p>
            <a:pPr algn="r"/>
            <a:r>
              <a:rPr lang="en-GB" dirty="0"/>
              <a:t>KS </a:t>
            </a:r>
            <a:r>
              <a:rPr lang="en-GB" dirty="0" err="1"/>
              <a:t>FoU-prosjekt</a:t>
            </a:r>
            <a:r>
              <a:rPr lang="en-GB" dirty="0"/>
              <a:t> 184005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3558348831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 xmlns:a16="http://schemas.microsoft.com/office/drawing/2014/main" xmlns:p14="http://schemas.microsoft.com/office/powerpoint/2010/main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3329971-B4B3-4A32-8EC4-2AF7AFE71AA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231870702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4" name="think-cell Slide" r:id="rId7" imgW="360" imgH="360" progId="TCLayout.ActiveDocument.1">
                  <p:embed/>
                </p:oleObj>
              </mc:Choice>
              <mc:Fallback>
                <p:oleObj name="think-cell Slide" r:id="rId7" imgW="360" imgH="36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8F79ABC-A453-4586-B9DE-322902C956B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Aft>
                <a:spcPct val="0"/>
              </a:spcAft>
            </a:pPr>
            <a:endParaRPr lang="en-GB" sz="2400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1C63AA3-5A40-4BB0-8B2E-5BD2BEE7A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69571"/>
            <a:ext cx="10588625" cy="449714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endParaRPr lang="nb-NO" sz="2000" b="1" dirty="0"/>
          </a:p>
          <a:p>
            <a:pPr marL="0" indent="0">
              <a:buNone/>
            </a:pPr>
            <a:endParaRPr lang="nb-NO" sz="1600" dirty="0">
              <a:solidFill>
                <a:schemeClr val="tx2"/>
              </a:solidFill>
            </a:endParaRPr>
          </a:p>
          <a:p>
            <a:pPr marL="0" indent="0">
              <a:buNone/>
            </a:pPr>
            <a:r>
              <a:rPr lang="nb-NO" sz="1600" dirty="0">
                <a:solidFill>
                  <a:schemeClr val="tx2"/>
                </a:solidFill>
              </a:rPr>
              <a:t>	</a:t>
            </a:r>
            <a:endParaRPr lang="nb-NO" dirty="0"/>
          </a:p>
          <a:p>
            <a:pPr marL="0" indent="0">
              <a:buNone/>
            </a:pPr>
            <a:endParaRPr lang="nb-NO" b="1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749C91E-6BAC-4D66-BA74-046603C544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281256"/>
            <a:ext cx="10588624" cy="415430"/>
          </a:xfrm>
        </p:spPr>
        <p:txBody>
          <a:bodyPr/>
          <a:lstStyle/>
          <a:p>
            <a:r>
              <a:rPr lang="en-GB" dirty="0" err="1"/>
              <a:t>ORGAnisering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praktisering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 dirty="0" err="1"/>
              <a:t>avtalen</a:t>
            </a:r>
            <a:r>
              <a:rPr lang="en-GB" dirty="0"/>
              <a:t> (del 1)</a:t>
            </a:r>
          </a:p>
        </p:txBody>
      </p:sp>
      <p:pic>
        <p:nvPicPr>
          <p:cNvPr id="7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C38FFCA-3386-422A-9C15-6CFE47CAFC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015FE6-6208-4AD4-A291-D8013025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18544" y="6578332"/>
            <a:ext cx="8143876" cy="155656"/>
          </a:xfrm>
        </p:spPr>
        <p:txBody>
          <a:bodyPr/>
          <a:lstStyle/>
          <a:p>
            <a:pPr algn="r"/>
            <a:r>
              <a:rPr lang="en-GB" dirty="0"/>
              <a:t>KS </a:t>
            </a:r>
            <a:r>
              <a:rPr lang="en-GB" dirty="0" err="1"/>
              <a:t>FoU-prosjekt</a:t>
            </a:r>
            <a:r>
              <a:rPr lang="en-GB" dirty="0"/>
              <a:t> 184005</a:t>
            </a:r>
          </a:p>
        </p:txBody>
      </p:sp>
      <p:sp>
        <p:nvSpPr>
          <p:cNvPr id="9" name="Content Placeholder 5">
            <a:extLst>
              <a:ext uri="{FF2B5EF4-FFF2-40B4-BE49-F238E27FC236}">
                <a16:creationId xmlns:a16="http://schemas.microsoft.com/office/drawing/2014/main" id="{38560508-6E9D-455D-9046-3371749F522F}"/>
              </a:ext>
            </a:extLst>
          </p:cNvPr>
          <p:cNvSpPr txBox="1">
            <a:spLocks/>
          </p:cNvSpPr>
          <p:nvPr/>
        </p:nvSpPr>
        <p:spPr bwMode="auto">
          <a:xfrm>
            <a:off x="950913" y="1621971"/>
            <a:ext cx="5144294" cy="44971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Det store flertallet av barnehageeierne har god kjennskap til pkt. 3.2 i SFS 2201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Omtrent halvparten av barnehagestyrerne har drøftet bruken av plantid med pedagogisk personale. Avtalene er som oftest nedfelt i halvårs- og ukeplaner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Tilnærmet samtlige barnehagestyrere oppgir i breddeundersøkelsen å ha tillit til at det pedagogiske personalet selv organiserer plantiden og til at de benytter plantiden sin godt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Halvparten av barnehagestyrerne mener at SFS 2201 gir tilstrekkelig rom for lokale løsninger når det gjelder fordeling av arbeidsoppgaver, tids- og ressursbruk</a:t>
            </a:r>
          </a:p>
        </p:txBody>
      </p:sp>
      <p:pic>
        <p:nvPicPr>
          <p:cNvPr id="11" name="Picture 10" descr="A picture containing outdoor, ground, person, grass&#10;&#10;Description automatically generated">
            <a:extLst>
              <a:ext uri="{FF2B5EF4-FFF2-40B4-BE49-F238E27FC236}">
                <a16:creationId xmlns:a16="http://schemas.microsoft.com/office/drawing/2014/main" id="{A2328DBD-9EEF-41B9-828C-C5FA32CA037B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471812" y="1621971"/>
            <a:ext cx="4767688" cy="3181995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309025177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 xmlns:a16="http://schemas.microsoft.com/office/drawing/2014/main" xmlns:p14="http://schemas.microsoft.com/office/powerpoint/2010/main">
      <p:transition spd="slow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3329971-B4B3-4A32-8EC4-2AF7AFE71AA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253004474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8" name="think-cell Slide" r:id="rId7" imgW="360" imgH="360" progId="TCLayout.ActiveDocument.1">
                  <p:embed/>
                </p:oleObj>
              </mc:Choice>
              <mc:Fallback>
                <p:oleObj name="think-cell Slide" r:id="rId7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3329971-B4B3-4A32-8EC4-2AF7AFE71AA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8F79ABC-A453-4586-B9DE-322902C956B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Aft>
                <a:spcPct val="0"/>
              </a:spcAft>
            </a:pPr>
            <a:endParaRPr lang="en-GB" sz="2400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1C63AA3-5A40-4BB0-8B2E-5BD2BEE7A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469571"/>
            <a:ext cx="10588625" cy="4497140"/>
          </a:xfrm>
        </p:spPr>
        <p:txBody>
          <a:bodyPr/>
          <a:lstStyle/>
          <a:p>
            <a:pPr>
              <a:buFont typeface="Arial" panose="020B0604020202020204" pitchFamily="34" charset="0"/>
              <a:buChar char="•"/>
            </a:pPr>
            <a:endParaRPr lang="nb-NO" sz="2000" b="1" dirty="0"/>
          </a:p>
          <a:p>
            <a:pPr marL="0" indent="0">
              <a:buNone/>
            </a:pPr>
            <a:endParaRPr lang="nb-NO" sz="1600" dirty="0">
              <a:solidFill>
                <a:schemeClr val="tx2"/>
              </a:solidFill>
            </a:endParaRPr>
          </a:p>
          <a:p>
            <a:pPr marL="0" indent="0">
              <a:buNone/>
            </a:pPr>
            <a:r>
              <a:rPr lang="nb-NO" sz="1600" dirty="0">
                <a:solidFill>
                  <a:schemeClr val="tx2"/>
                </a:solidFill>
              </a:rPr>
              <a:t>	</a:t>
            </a:r>
            <a:endParaRPr lang="nb-NO" dirty="0"/>
          </a:p>
          <a:p>
            <a:pPr marL="0" indent="0">
              <a:buNone/>
            </a:pPr>
            <a:endParaRPr lang="nb-NO" b="1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749C91E-6BAC-4D66-BA74-046603C544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281256"/>
            <a:ext cx="10588624" cy="415430"/>
          </a:xfrm>
        </p:spPr>
        <p:txBody>
          <a:bodyPr/>
          <a:lstStyle/>
          <a:p>
            <a:r>
              <a:rPr lang="en-GB" dirty="0" err="1"/>
              <a:t>ORGAnisering</a:t>
            </a:r>
            <a:r>
              <a:rPr lang="en-GB" dirty="0"/>
              <a:t> </a:t>
            </a:r>
            <a:r>
              <a:rPr lang="en-GB" dirty="0" err="1"/>
              <a:t>og</a:t>
            </a:r>
            <a:r>
              <a:rPr lang="en-GB" dirty="0"/>
              <a:t> </a:t>
            </a:r>
            <a:r>
              <a:rPr lang="en-GB" dirty="0" err="1"/>
              <a:t>praktisering</a:t>
            </a:r>
            <a:r>
              <a:rPr lang="en-GB" dirty="0"/>
              <a:t> </a:t>
            </a:r>
            <a:r>
              <a:rPr lang="en-GB" dirty="0" err="1"/>
              <a:t>av</a:t>
            </a:r>
            <a:r>
              <a:rPr lang="en-GB" dirty="0"/>
              <a:t> </a:t>
            </a:r>
            <a:r>
              <a:rPr lang="en-GB" dirty="0" err="1"/>
              <a:t>avtalen</a:t>
            </a:r>
            <a:r>
              <a:rPr lang="en-GB" dirty="0"/>
              <a:t> (del 2)</a:t>
            </a:r>
          </a:p>
        </p:txBody>
      </p:sp>
      <p:pic>
        <p:nvPicPr>
          <p:cNvPr id="7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C38FFCA-3386-422A-9C15-6CFE47CAFC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015FE6-6208-4AD4-A291-D8013025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18544" y="6578332"/>
            <a:ext cx="8143876" cy="155656"/>
          </a:xfrm>
        </p:spPr>
        <p:txBody>
          <a:bodyPr/>
          <a:lstStyle/>
          <a:p>
            <a:pPr algn="r"/>
            <a:r>
              <a:rPr lang="en-GB" dirty="0"/>
              <a:t>KS </a:t>
            </a:r>
            <a:r>
              <a:rPr lang="en-GB" dirty="0" err="1"/>
              <a:t>FoU-prosjekt</a:t>
            </a:r>
            <a:r>
              <a:rPr lang="en-GB" dirty="0"/>
              <a:t> 184005</a:t>
            </a:r>
          </a:p>
        </p:txBody>
      </p:sp>
      <p:sp>
        <p:nvSpPr>
          <p:cNvPr id="9" name="Content Placeholder 5">
            <a:extLst>
              <a:ext uri="{FF2B5EF4-FFF2-40B4-BE49-F238E27FC236}">
                <a16:creationId xmlns:a16="http://schemas.microsoft.com/office/drawing/2014/main" id="{38560508-6E9D-455D-9046-3371749F522F}"/>
              </a:ext>
            </a:extLst>
          </p:cNvPr>
          <p:cNvSpPr txBox="1">
            <a:spLocks/>
          </p:cNvSpPr>
          <p:nvPr/>
        </p:nvSpPr>
        <p:spPr bwMode="auto">
          <a:xfrm>
            <a:off x="950913" y="1621971"/>
            <a:ext cx="5233320" cy="449714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Flertallet av barnehagestyrerne (75 prosent) oppgir at pedagogisk personale får fire timer plantid i uka i gjennomsnitt, mens resten oppgir at pedagogene får mer 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Det er vanligst at pedagoger og barnehagelærere har plantid 1-2 timer om gangen, 2-5 dager i uka. En tredjedel av barnehagestyrerne oppgir dette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Plantiden brukes først og fremst til pedagogisk planlegging og til å forberede foreldresamtaler og dokumentasjo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Flertallet av styrerne (85 prosent) oppgir at det pedagogiske personalet tar ut plantiden i barnehagen, halvparten personalet også tar ut deler av plantiden sin hjemme eller utenfor barnehagen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nb-NO" sz="1400" dirty="0"/>
              <a:t>Den store majoriteten av barnehagestyrerne mener det er svært viktig med samarbeid mellom pedagoger og barnehagelærere i plantiden</a:t>
            </a:r>
            <a:endParaRPr lang="en-GB" sz="1600" dirty="0"/>
          </a:p>
        </p:txBody>
      </p:sp>
      <p:pic>
        <p:nvPicPr>
          <p:cNvPr id="10" name="Picture 9" descr="A picture containing person, outdoor, bubble, object&#10;&#10;Description automatically generated">
            <a:extLst>
              <a:ext uri="{FF2B5EF4-FFF2-40B4-BE49-F238E27FC236}">
                <a16:creationId xmlns:a16="http://schemas.microsoft.com/office/drawing/2014/main" id="{7988D476-5A88-4B8A-8EC3-F64FC8BCD0F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307660" y="1923678"/>
            <a:ext cx="4956049" cy="2950029"/>
          </a:xfrm>
          <a:prstGeom prst="rect">
            <a:avLst/>
          </a:prstGeom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15613484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 xmlns:a16="http://schemas.microsoft.com/office/drawing/2014/main" xmlns:p14="http://schemas.microsoft.com/office/powerpoint/2010/main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C3329971-B4B3-4A32-8EC4-2AF7AFE71AAC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  <p:extLst>
              <p:ext uri="{D42A27DB-BD31-4B8C-83A1-F6EECF244321}">
                <p14:modId xmlns:p14="http://schemas.microsoft.com/office/powerpoint/2010/main" val="311036744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09" name="think-cell Slide" r:id="rId7" imgW="360" imgH="360" progId="TCLayout.ActiveDocument.1">
                  <p:embed/>
                </p:oleObj>
              </mc:Choice>
              <mc:Fallback>
                <p:oleObj name="think-cell Slide" r:id="rId7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C3329971-B4B3-4A32-8EC4-2AF7AFE71AA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C8F79ABC-A453-4586-B9DE-322902C956B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spcAft>
                <a:spcPct val="0"/>
              </a:spcAft>
            </a:pPr>
            <a:endParaRPr lang="en-GB" sz="2400" b="1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  <a:sym typeface="Verdana" panose="020B0604030504040204" pitchFamily="34" charset="0"/>
            </a:endParaRP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1C63AA3-5A40-4BB0-8B2E-5BD2BEE7A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234523"/>
            <a:ext cx="10588625" cy="4497140"/>
          </a:xfrm>
        </p:spPr>
        <p:txBody>
          <a:bodyPr/>
          <a:lstStyle/>
          <a:p>
            <a:r>
              <a:rPr lang="nb-NO" sz="1400" dirty="0"/>
              <a:t>Majoriteten av styrerne oppgir at barnegruppen er i lek med gjenværende personale i egen avdeling når pedagogisk personale har plantid</a:t>
            </a:r>
          </a:p>
          <a:p>
            <a:r>
              <a:rPr lang="nb-NO" sz="1400" dirty="0"/>
              <a:t>De færreste styrerne setter inn vikar under plantiden i barnehagen. 59 prosent av styrerne oppgir at de aldri gjør dette</a:t>
            </a:r>
          </a:p>
          <a:p>
            <a:r>
              <a:rPr lang="nb-NO" sz="1400" dirty="0"/>
              <a:t>Omtrent halvparten av styrerne og eierne mener at tiden pedagogene er borte fra avdelingen som følge av plantid går utover barna</a:t>
            </a:r>
          </a:p>
          <a:p>
            <a:r>
              <a:rPr lang="nb-NO" sz="1400" dirty="0"/>
              <a:t>Cirka en tredjedel av styrerne og eierne mener at tiden pedagogisk personell er borte fra avdelingen som følge av plantiden går ut over øvrig bemanning</a:t>
            </a:r>
          </a:p>
          <a:p>
            <a:r>
              <a:rPr lang="nb-NO" sz="1400" dirty="0"/>
              <a:t>Om lag halvparten av styrerne og eierne mener plantiden bidrar til at rammeplanen oppfylles på en god måte</a:t>
            </a:r>
          </a:p>
          <a:p>
            <a:r>
              <a:rPr lang="nb-NO" sz="1400" dirty="0"/>
              <a:t>En tredjedel av styrerne er helt enige i at mer plantid enn dagens krav til minst fire timer vil gå utover kvaliteten på barnehagetilbudet</a:t>
            </a:r>
          </a:p>
          <a:p>
            <a:r>
              <a:rPr lang="nb-NO" sz="1400" dirty="0"/>
              <a:t>Flere av styrerne (56 prosent) og eierne (70 prosent) mener at SFS 2201 er et godt virkemiddel for å bidra til kvalitet i barnehagetilbudet slik avtalen er i dag</a:t>
            </a:r>
          </a:p>
          <a:p>
            <a:r>
              <a:rPr lang="nb-NO" sz="1400" dirty="0"/>
              <a:t>Svært mange styrere (81 prosent) er fornøyd med hvordan de organiserer og praktiserer plantiden i egen barnehage </a:t>
            </a:r>
          </a:p>
          <a:p>
            <a:r>
              <a:rPr lang="nb-NO" sz="1400" dirty="0"/>
              <a:t>Halvparten av eierne er i stor grad fornøyd med SFS 2201 slik avtalen er i dag</a:t>
            </a:r>
          </a:p>
          <a:p>
            <a:endParaRPr lang="nb-NO" sz="1600" dirty="0"/>
          </a:p>
          <a:p>
            <a:pPr marL="0" indent="0">
              <a:buNone/>
            </a:pPr>
            <a:r>
              <a:rPr lang="nb-NO" sz="1600" dirty="0">
                <a:solidFill>
                  <a:schemeClr val="tx2"/>
                </a:solidFill>
              </a:rPr>
              <a:t>	</a:t>
            </a:r>
            <a:endParaRPr lang="nb-NO" dirty="0"/>
          </a:p>
          <a:p>
            <a:pPr marL="0" indent="0">
              <a:buNone/>
            </a:pPr>
            <a:endParaRPr lang="nb-NO" b="1" dirty="0"/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749C91E-6BAC-4D66-BA74-046603C544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281256"/>
            <a:ext cx="10588624" cy="415430"/>
          </a:xfrm>
        </p:spPr>
        <p:txBody>
          <a:bodyPr/>
          <a:lstStyle/>
          <a:p>
            <a:r>
              <a:rPr lang="en-GB" dirty="0"/>
              <a:t>RESULTATER OG KONSEKVENSER</a:t>
            </a:r>
          </a:p>
        </p:txBody>
      </p:sp>
      <p:pic>
        <p:nvPicPr>
          <p:cNvPr id="7" name="Picture 2" descr="C:\Users\idag\AppData\Local\Microsoft\Windows\Temporary Internet Files\Content.Outlook\JZ7YCCZ4\fou-rapportlogo (2).jpg">
            <a:extLst>
              <a:ext uri="{FF2B5EF4-FFF2-40B4-BE49-F238E27FC236}">
                <a16:creationId xmlns:a16="http://schemas.microsoft.com/office/drawing/2014/main" id="{EC38FFCA-3386-422A-9C15-6CFE47CAFCB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71164" y="5966711"/>
            <a:ext cx="1091256" cy="483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015FE6-6208-4AD4-A291-D8013025478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18544" y="6578332"/>
            <a:ext cx="8143876" cy="155656"/>
          </a:xfrm>
        </p:spPr>
        <p:txBody>
          <a:bodyPr/>
          <a:lstStyle/>
          <a:p>
            <a:pPr algn="r"/>
            <a:r>
              <a:rPr lang="en-GB" dirty="0"/>
              <a:t>KS </a:t>
            </a:r>
            <a:r>
              <a:rPr lang="en-GB" dirty="0" err="1"/>
              <a:t>FoU-prosjekt</a:t>
            </a:r>
            <a:r>
              <a:rPr lang="en-GB" dirty="0"/>
              <a:t> 184005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695570577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 xmlns:a16="http://schemas.microsoft.com/office/drawing/2014/main" xmlns:p14="http://schemas.microsoft.com/office/powerpoint/2010/main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B1iRVmcRqGk4wJY._E_DA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5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B1iRVmcRqGk4wJY._E_D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B1iRVmcRqGk4wJY._E_DA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AbzQO.mQtaD7p26cCDN4w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B1iRVmcRqGk4wJY._E_DA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5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4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Prosjektrapport" ma:contentTypeID="0x010100C466DCB15B7C4D46B76A8E26AA95A520008C28BEAA5180C049B11426B3DCE59379" ma:contentTypeVersion="0" ma:contentTypeDescription="" ma:contentTypeScope="" ma:versionID="26d3c826638721612450fc6f53d6f8b1">
  <xsd:schema xmlns:xsd="http://www.w3.org/2001/XMLSchema" xmlns:xs="http://www.w3.org/2001/XMLSchema" xmlns:p="http://schemas.microsoft.com/office/2006/metadata/properties" xmlns:ns1="http://schemas.microsoft.com/sharepoint/v3" xmlns:ns2="a0c403bc-df03-43c8-915b-d2d6e5c89d57" targetNamespace="http://schemas.microsoft.com/office/2006/metadata/properties" ma:root="true" ma:fieldsID="f5540488cbf06003735da23cb205329d" ns1:_="" ns2:_="">
    <xsd:import namespace="http://schemas.microsoft.com/sharepoint/v3"/>
    <xsd:import namespace="a0c403bc-df03-43c8-915b-d2d6e5c89d57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1:ReportDescription" minOccurs="0"/>
                <xsd:element ref="ns2:Rapportforfatter" minOccurs="0"/>
                <xsd:element ref="ns2:h63eb6bf2e3d4f93aa1ddf743b668c17" minOccurs="0"/>
                <xsd:element ref="ns2:TaxCatchAll" minOccurs="0"/>
                <xsd:element ref="ns2:TaxCatchAllLabe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ReportDescription" ma:index="11" nillable="true" ma:displayName="Rapportbeskrivelse" ma:description="En beskrivelse av innholdet i rapporten" ma:internalName="ReportDescription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c403bc-df03-43c8-915b-d2d6e5c89d57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kument-ID-verdi" ma:description="Verdien for dokument-IDen som er tilordnet elementet." ma:internalName="_dlc_DocId" ma:readOnly="true">
      <xsd:simpleType>
        <xsd:restriction base="dms:Text"/>
      </xsd:simpleType>
    </xsd:element>
    <xsd:element name="_dlc_DocIdUrl" ma:index="9" nillable="true" ma:displayName="Dokument-ID" ma:description="Fast kobling til dokumente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Fast ID" ma:description="Behold IDen ved tillegging." ma:hidden="true" ma:internalName="_dlc_DocIdPersistId" ma:readOnly="true">
      <xsd:simpleType>
        <xsd:restriction base="dms:Boolean"/>
      </xsd:simpleType>
    </xsd:element>
    <xsd:element name="Rapportforfatter" ma:index="12" nillable="true" ma:displayName="Rapportforfatter" ma:internalName="Rapportforfatter">
      <xsd:simpleType>
        <xsd:restriction base="dms:Text">
          <xsd:maxLength value="255"/>
        </xsd:restriction>
      </xsd:simpleType>
    </xsd:element>
    <xsd:element name="h63eb6bf2e3d4f93aa1ddf743b668c17" ma:index="13" nillable="true" ma:taxonomy="true" ma:internalName="h63eb6bf2e3d4f93aa1ddf743b668c17" ma:taxonomyFieldName="Dokumentkategori" ma:displayName="Dokumentkategori" ma:default="" ma:fieldId="{163eb6bf-2e3d-4f93-aa1d-df743b668c17}" ma:sspId="723dea4e-3c3b-4542-8cf3-09c21c94bb66" ma:termSetId="115804ee-8a7e-44c7-8782-636c4cc4e937" ma:anchorId="00000000-0000-0000-0000-000000000000" ma:open="false" ma:isKeyword="false">
      <xsd:complexType>
        <xsd:sequence>
          <xsd:element ref="pc:Terms" minOccurs="0" maxOccurs="1"/>
        </xsd:sequence>
      </xsd:complexType>
    </xsd:element>
    <xsd:element name="TaxCatchAll" ma:index="14" nillable="true" ma:displayName="Global taksonomikolonne" ma:hidden="true" ma:list="{0619e880-d3e8-4a0a-ac1c-51547fa4f40c}" ma:internalName="TaxCatchAll" ma:showField="CatchAllData" ma:web="a0c403bc-df03-43c8-915b-d2d6e5c89d5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5" nillable="true" ma:displayName="Global taksonomikolonne1" ma:hidden="true" ma:list="{0619e880-d3e8-4a0a-ac1c-51547fa4f40c}" ma:internalName="TaxCatchAllLabel" ma:readOnly="true" ma:showField="CatchAllDataLabel" ma:web="a0c403bc-df03-43c8-915b-d2d6e5c89d57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5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5.0.0.0, Culture=neutral, PublicKeyToken=71e9bce111e9429c</Assembly>
    <Class>Microsoft.Office.DocumentManagement.Internal.DocIdHandler</Class>
    <Data/>
    <Filter/>
  </Receiver>
</spe:Receiver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h63eb6bf2e3d4f93aa1ddf743b668c17 xmlns="a0c403bc-df03-43c8-915b-d2d6e5c89d57">
      <Terms xmlns="http://schemas.microsoft.com/office/infopath/2007/PartnerControls">
        <TermInfo xmlns="http://schemas.microsoft.com/office/infopath/2007/PartnerControls">
          <TermName xmlns="http://schemas.microsoft.com/office/infopath/2007/PartnerControls">Sammendrag</TermName>
          <TermId xmlns="http://schemas.microsoft.com/office/infopath/2007/PartnerControls">06fd0364-2305-480a-8ec8-1cae03112a06</TermId>
        </TermInfo>
      </Terms>
    </h63eb6bf2e3d4f93aa1ddf743b668c17>
    <Rapportforfatter xmlns="a0c403bc-df03-43c8-915b-d2d6e5c89d57" xsi:nil="true"/>
    <ReportDescription xmlns="http://schemas.microsoft.com/sharepoint/v3" xsi:nil="true"/>
    <TaxCatchAll xmlns="a0c403bc-df03-43c8-915b-d2d6e5c89d57">
      <Value>109</Value>
    </TaxCatchAll>
    <_dlc_DocId xmlns="a0c403bc-df03-43c8-915b-d2d6e5c89d57">DMFW2D44QQMK-284234000-2</_dlc_DocId>
    <_dlc_DocIdUrl xmlns="a0c403bc-df03-43c8-915b-d2d6e5c89d57">
      <Url>http://fou.ks.no/prosjekter/184005/_layouts/15/DocIdRedir.aspx?ID=DMFW2D44QQMK-284234000-2</Url>
      <Description>DMFW2D44QQMK-284234000-2</Description>
    </_dlc_DocIdUrl>
  </documentManagement>
</p:properties>
</file>

<file path=customXml/itemProps1.xml><?xml version="1.0" encoding="utf-8"?>
<ds:datastoreItem xmlns:ds="http://schemas.openxmlformats.org/officeDocument/2006/customXml" ds:itemID="{D8D6075A-ED49-49DF-8795-D52D46FC7B7B}"/>
</file>

<file path=customXml/itemProps2.xml><?xml version="1.0" encoding="utf-8"?>
<ds:datastoreItem xmlns:ds="http://schemas.openxmlformats.org/officeDocument/2006/customXml" ds:itemID="{D43BD726-A633-4CA3-9A7E-5E87C5FB3960}"/>
</file>

<file path=customXml/itemProps3.xml><?xml version="1.0" encoding="utf-8"?>
<ds:datastoreItem xmlns:ds="http://schemas.openxmlformats.org/officeDocument/2006/customXml" ds:itemID="{61FFEA2F-8D53-4199-91D0-E218C63877B2}"/>
</file>

<file path=customXml/itemProps4.xml><?xml version="1.0" encoding="utf-8"?>
<ds:datastoreItem xmlns:ds="http://schemas.openxmlformats.org/officeDocument/2006/customXml" ds:itemID="{E82DEA5A-5255-4EB0-AE1E-85974B24BB11}"/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38</TotalTime>
  <Words>682</Words>
  <Application>Microsoft Office PowerPoint</Application>
  <PresentationFormat>Custom</PresentationFormat>
  <Paragraphs>69</Paragraphs>
  <Slides>6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4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6</vt:i4>
      </vt:variant>
    </vt:vector>
  </HeadingPairs>
  <TitlesOfParts>
    <vt:vector size="13" baseType="lpstr">
      <vt:lpstr>Arial</vt:lpstr>
      <vt:lpstr>Calibri</vt:lpstr>
      <vt:lpstr>Calibri Light</vt:lpstr>
      <vt:lpstr>Verdana</vt:lpstr>
      <vt:lpstr>Blank</vt:lpstr>
      <vt:lpstr>Custom Design</vt:lpstr>
      <vt:lpstr>think-cell Slide</vt:lpstr>
      <vt:lpstr>KS FOU-PROSJEKT 184005 </vt:lpstr>
      <vt:lpstr>Bakgrunn for Fou-prosjektet</vt:lpstr>
      <vt:lpstr>Formål og metodisk tilnærming</vt:lpstr>
      <vt:lpstr>ORGAnisering og praktisering av avtalen (del 1)</vt:lpstr>
      <vt:lpstr>ORGAnisering og praktisering av avtalen (del 2)</vt:lpstr>
      <vt:lpstr>RESULTATER OG KONSEKVENSER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Ida Gram</dc:creator>
  <cp:lastModifiedBy>Ingrid Paaske Gulbrandsen</cp:lastModifiedBy>
  <cp:revision>46</cp:revision>
  <dcterms:created xsi:type="dcterms:W3CDTF">2018-11-29T11:16:08Z</dcterms:created>
  <dcterms:modified xsi:type="dcterms:W3CDTF">2019-08-30T18:04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  <property fmtid="{D5CDD505-2E9C-101B-9397-08002B2CF9AE}" pid="5" name="ContentTypeId">
    <vt:lpwstr>0x010100C466DCB15B7C4D46B76A8E26AA95A520008C28BEAA5180C049B11426B3DCE59379</vt:lpwstr>
  </property>
  <property fmtid="{D5CDD505-2E9C-101B-9397-08002B2CF9AE}" pid="6" name="_dlc_DocIdItemGuid">
    <vt:lpwstr>8ca6e642-f5eb-4c31-a87b-cbb416069f76</vt:lpwstr>
  </property>
  <property fmtid="{D5CDD505-2E9C-101B-9397-08002B2CF9AE}" pid="7" name="Dokumentkategori">
    <vt:lpwstr>109;#Sammendrag|06fd0364-2305-480a-8ec8-1cae03112a06</vt:lpwstr>
  </property>
</Properties>
</file>